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929"/>
  <workbookPr/>
  <mc:AlternateContent xmlns:mc="http://schemas.openxmlformats.org/markup-compatibility/2006">
    <mc:Choice Requires="x15">
      <x15ac:absPath xmlns:x15ac="http://schemas.microsoft.com/office/spreadsheetml/2010/11/ac" url="C:\Users\s3451081\Documents\"/>
    </mc:Choice>
  </mc:AlternateContent>
  <xr:revisionPtr revIDLastSave="0" documentId="8_{466CCBA1-710F-4C3B-8CAE-45CEC87C3369}" xr6:coauthVersionLast="47" xr6:coauthVersionMax="47" xr10:uidLastSave="{00000000-0000-0000-0000-000000000000}"/>
  <bookViews>
    <workbookView xWindow="-51225" yWindow="2250" windowWidth="21600" windowHeight="11385" xr2:uid="{589CE6CE-8B99-C044-8F02-96DCAC43CA17}"/>
  </bookViews>
  <sheets>
    <sheet name="Sheet1" sheetId="1" r:id="rId1"/>
  </sheet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81" uniqueCount="58">
  <si>
    <t>Department TA Assignments to send to CUPE - added from the MS Form for Faculty submissions</t>
  </si>
  <si>
    <t>Chairs and Admin can add to this spreadsheet</t>
  </si>
  <si>
    <t>Once positions are filled, Admin will add to end column and post on their Dean's webpage for job postings</t>
  </si>
  <si>
    <t>Link for Application Form:</t>
  </si>
  <si>
    <t xml:space="preserve">https://forms.office.com/r/iNMNAAC0fA </t>
  </si>
  <si>
    <t>Job Number</t>
  </si>
  <si>
    <t>Department Name</t>
  </si>
  <si>
    <t>Term</t>
  </si>
  <si>
    <t>Year</t>
  </si>
  <si>
    <t>Course Code</t>
  </si>
  <si>
    <t>Course Number</t>
  </si>
  <si>
    <t>Assignment</t>
  </si>
  <si>
    <t>Work Duties</t>
  </si>
  <si>
    <t>Qualifications</t>
  </si>
  <si>
    <t>Experience</t>
  </si>
  <si>
    <t>Work Schedule</t>
  </si>
  <si>
    <t>Work hours</t>
  </si>
  <si>
    <t>Position Format</t>
  </si>
  <si>
    <t>Filled or Open</t>
  </si>
  <si>
    <t>Geography</t>
  </si>
  <si>
    <t>GEOG</t>
  </si>
  <si>
    <t>Flexible weekly schedule </t>
  </si>
  <si>
    <t>Summer (July to August)</t>
  </si>
  <si>
    <t>GEOG 1200</t>
  </si>
  <si>
    <t>Partial assignment (36 hours or less per term)</t>
  </si>
  <si>
    <t>Marking of environmental essay papers and assignments</t>
  </si>
  <si>
    <t>MA Geography preferred or BES or Geography</t>
  </si>
  <si>
    <t>some BES or Geography course</t>
  </si>
  <si>
    <t>Remote</t>
  </si>
  <si>
    <t>GEOG202630001</t>
  </si>
  <si>
    <t>GEOG202630002</t>
  </si>
  <si>
    <t>Spring (May to June)</t>
  </si>
  <si>
    <t>GEOG 2332</t>
  </si>
  <si>
    <t>Partial assignment (36 hours per term)</t>
  </si>
  <si>
    <t>Grading of assignments (short essays), monitoring of the class Brightspace discussion board, and grading of tests</t>
  </si>
  <si>
    <t>MA Geography preferred or undergraduate Geography/BES</t>
  </si>
  <si>
    <t>social science background, geography or environmental studies preferred</t>
  </si>
  <si>
    <t>OPEN</t>
  </si>
  <si>
    <t>FILLED</t>
  </si>
  <si>
    <t>IMTE202630001</t>
  </si>
  <si>
    <t>International Masters of Teaching English (Please apply through MLC)</t>
  </si>
  <si>
    <t>Summer Graduate (May to August)</t>
  </si>
  <si>
    <t>IMTE</t>
  </si>
  <si>
    <t>5000/5626/5710/5720/5730</t>
  </si>
  <si>
    <t xml:space="preserve">As a professional graduate program with a specific focus on applied and collaborative learning, IMTE requires teaching assistants to help 
deliver in-class and affiliated workshops, and mentor/supervise current students during experiential learning opportunities. IMTE students will be entering community based practicum placements and completing various professional development activities and supplementary training as partial requirement for several IMTE courses. This position will support those activities through assisting the instructor with practical, applied learning activities, including collaborative guided learning. The TA will act as a mentor and provide networking support to help our current students identify practicum and post-graduate employment opportunities. </t>
  </si>
  <si>
    <t xml:space="preserve">The candidate must have completed the IMTE program or an equivalent program. </t>
  </si>
  <si>
    <t>Working in professional setting where English language instruction is provided is considered an asset.</t>
  </si>
  <si>
    <t>N/A</t>
  </si>
  <si>
    <t>Hybrid</t>
  </si>
  <si>
    <t>IMTE202630002</t>
  </si>
  <si>
    <t>Study of Religion</t>
  </si>
  <si>
    <t>RELS</t>
  </si>
  <si>
    <t>RELS 2352</t>
  </si>
  <si>
    <t>Full assignment (48 hours per term)</t>
  </si>
  <si>
    <t>Course management, responding to student assignments and discussion posts in an ungraded course</t>
  </si>
  <si>
    <t>Graduate Student in Religion</t>
  </si>
  <si>
    <t>Previous experience as a TA for asynch remote delivery of RELS 2352</t>
  </si>
  <si>
    <t>RELS202630001</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x14ac:knownFonts="1">
    <font>
      <sz val="12"/>
      <color theme="1"/>
      <name val="Aptos Narrow"/>
      <family val="2"/>
      <scheme val="minor"/>
    </font>
    <font>
      <b/>
      <sz val="12"/>
      <color theme="1"/>
      <name val="Aptos Narrow"/>
      <family val="2"/>
      <scheme val="minor"/>
    </font>
    <font>
      <u/>
      <sz val="12"/>
      <color theme="10"/>
      <name val="Aptos Narrow"/>
      <family val="2"/>
      <scheme val="minor"/>
    </font>
    <font>
      <sz val="12"/>
      <color rgb="FF000000"/>
      <name val="Aptos Narrow"/>
      <family val="2"/>
      <scheme val="minor"/>
    </font>
    <font>
      <sz val="11"/>
      <color rgb="FF000000"/>
      <name val="Aptos Display"/>
      <family val="2"/>
    </font>
    <font>
      <sz val="14"/>
      <color rgb="FF000000"/>
      <name val="Aptos Narrow"/>
      <family val="2"/>
      <scheme val="minor"/>
    </font>
    <font>
      <b/>
      <sz val="12"/>
      <color rgb="FF000000"/>
      <name val="Aptos Narrow"/>
      <family val="2"/>
      <scheme val="minor"/>
    </font>
    <font>
      <sz val="11"/>
      <color theme="1"/>
      <name val="Aptos Display"/>
      <family val="2"/>
    </font>
    <font>
      <b/>
      <sz val="11"/>
      <color theme="1"/>
      <name val="Aptos Display"/>
      <family val="2"/>
    </font>
  </fonts>
  <fills count="4">
    <fill>
      <patternFill patternType="none"/>
    </fill>
    <fill>
      <patternFill patternType="gray125"/>
    </fill>
    <fill>
      <patternFill patternType="solid">
        <fgColor theme="7" tint="0.79998168889431442"/>
        <bgColor indexed="64"/>
      </patternFill>
    </fill>
    <fill>
      <patternFill patternType="solid">
        <fgColor rgb="FFC0E6F5"/>
        <bgColor rgb="FFC0E6F5"/>
      </patternFill>
    </fill>
  </fills>
  <borders count="1">
    <border>
      <left/>
      <right/>
      <top/>
      <bottom/>
      <diagonal/>
    </border>
  </borders>
  <cellStyleXfs count="2">
    <xf numFmtId="0" fontId="0" fillId="0" borderId="0"/>
    <xf numFmtId="0" fontId="2" fillId="0" borderId="0" applyNumberFormat="0" applyFill="0" applyBorder="0" applyAlignment="0" applyProtection="0"/>
  </cellStyleXfs>
  <cellXfs count="29">
    <xf numFmtId="0" fontId="0" fillId="0" borderId="0" xfId="0"/>
    <xf numFmtId="0" fontId="3" fillId="0" borderId="0" xfId="0" applyFont="1" applyAlignment="1">
      <alignment horizontal="left" vertical="top"/>
    </xf>
    <xf numFmtId="0" fontId="3" fillId="0" borderId="0" xfId="0" applyFont="1"/>
    <xf numFmtId="0" fontId="3" fillId="0" borderId="0" xfId="0" applyFont="1" applyAlignment="1">
      <alignment horizontal="left" vertical="center"/>
    </xf>
    <xf numFmtId="0" fontId="4" fillId="0" borderId="0" xfId="0" applyFont="1" applyAlignment="1">
      <alignment vertical="center"/>
    </xf>
    <xf numFmtId="0" fontId="5" fillId="0" borderId="0" xfId="0" applyFont="1"/>
    <xf numFmtId="0" fontId="6" fillId="0" borderId="0" xfId="0" applyFont="1" applyAlignment="1">
      <alignment horizontal="left" vertical="top"/>
    </xf>
    <xf numFmtId="0" fontId="2" fillId="0" borderId="0" xfId="1" applyFill="1" applyBorder="1" applyAlignment="1">
      <alignment horizontal="left" vertical="top"/>
    </xf>
    <xf numFmtId="0" fontId="0" fillId="0" borderId="0" xfId="0" applyAlignment="1">
      <alignment horizontal="left" vertical="center"/>
    </xf>
    <xf numFmtId="0" fontId="7" fillId="0" borderId="0" xfId="0" applyFont="1" applyAlignment="1">
      <alignment vertical="center"/>
    </xf>
    <xf numFmtId="0" fontId="1" fillId="0" borderId="0" xfId="0" applyFont="1"/>
    <xf numFmtId="0" fontId="1" fillId="0" borderId="0" xfId="0" applyFont="1" applyAlignment="1">
      <alignment horizontal="left" vertical="top"/>
    </xf>
    <xf numFmtId="0" fontId="1" fillId="0" borderId="0" xfId="0" applyFont="1" applyAlignment="1">
      <alignment horizontal="left" vertical="center"/>
    </xf>
    <xf numFmtId="0" fontId="8" fillId="0" borderId="0" xfId="0" applyFont="1" applyAlignment="1">
      <alignment vertical="center"/>
    </xf>
    <xf numFmtId="0" fontId="2" fillId="0" borderId="0" xfId="1"/>
    <xf numFmtId="0" fontId="1" fillId="0" borderId="0" xfId="0" applyFont="1" applyAlignment="1">
      <alignment horizontal="left" wrapText="1"/>
    </xf>
    <xf numFmtId="0" fontId="1" fillId="0" borderId="0" xfId="0" applyFont="1" applyAlignment="1">
      <alignment wrapText="1"/>
    </xf>
    <xf numFmtId="0" fontId="8" fillId="0" borderId="0" xfId="0" applyFont="1" applyAlignment="1">
      <alignment wrapText="1"/>
    </xf>
    <xf numFmtId="0" fontId="1" fillId="2" borderId="0" xfId="0" applyFont="1" applyFill="1"/>
    <xf numFmtId="0" fontId="1" fillId="2" borderId="0" xfId="0" applyFont="1" applyFill="1" applyAlignment="1">
      <alignment wrapText="1"/>
    </xf>
    <xf numFmtId="0" fontId="1" fillId="2" borderId="0" xfId="0" applyFont="1" applyFill="1" applyAlignment="1">
      <alignment horizontal="left" wrapText="1"/>
    </xf>
    <xf numFmtId="0" fontId="8" fillId="2" borderId="0" xfId="0" applyFont="1" applyFill="1" applyAlignment="1">
      <alignment wrapText="1"/>
    </xf>
    <xf numFmtId="0" fontId="1" fillId="3" borderId="0" xfId="0" applyFont="1" applyFill="1" applyAlignment="1">
      <alignment wrapText="1"/>
    </xf>
    <xf numFmtId="0" fontId="1" fillId="3" borderId="0" xfId="0" applyFont="1" applyFill="1"/>
    <xf numFmtId="0" fontId="1" fillId="3" borderId="0" xfId="0" applyFont="1" applyFill="1" applyAlignment="1">
      <alignment horizontal="left" wrapText="1"/>
    </xf>
    <xf numFmtId="0" fontId="6" fillId="3" borderId="0" xfId="0" applyFont="1" applyFill="1"/>
    <xf numFmtId="0" fontId="8" fillId="3" borderId="0" xfId="0" applyFont="1" applyFill="1" applyAlignment="1">
      <alignment wrapText="1"/>
    </xf>
    <xf numFmtId="0" fontId="3" fillId="0" borderId="0" xfId="0" applyFont="1"/>
    <xf numFmtId="0" fontId="0" fillId="0" borderId="0" xfId="0"/>
  </cellXfs>
  <cellStyles count="2">
    <cellStyle name="Hyperlink" xfId="1" builtinId="8"/>
    <cellStyle name="Normal" xfId="0" builtinId="0"/>
  </cellStyles>
  <dxfs count="17">
    <dxf>
      <font>
        <b/>
        <i val="0"/>
        <strike val="0"/>
        <condense val="0"/>
        <extend val="0"/>
        <outline val="0"/>
        <shadow val="0"/>
        <u val="none"/>
        <vertAlign val="baseline"/>
        <sz val="11"/>
        <color theme="1"/>
        <name val="Aptos Display"/>
        <scheme val="none"/>
      </font>
      <alignment horizontal="general"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vertical="bottom" textRotation="0"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bottom" textRotation="0" wrapText="1" indent="0" justifyLastLine="0" shrinkToFit="0" readingOrder="0"/>
    </dxf>
    <dxf>
      <alignment vertical="bottom" textRotation="0" indent="0" justifyLastLine="0" shrinkToFit="0" readingOrder="0"/>
    </dxf>
    <dxf>
      <border outline="0">
        <right style="thin">
          <color indexed="64"/>
        </right>
      </border>
    </dxf>
    <dxf>
      <font>
        <b/>
        <i val="0"/>
        <strike val="0"/>
        <condense val="0"/>
        <extend val="0"/>
        <outline val="0"/>
        <shadow val="0"/>
        <u val="none"/>
        <vertAlign val="baseline"/>
        <sz val="12"/>
        <color theme="1"/>
        <name val="Aptos Narrow"/>
        <family val="2"/>
        <scheme val="minor"/>
      </font>
      <alignment horizontal="general" vertical="bottom" textRotation="0" wrapText="1" indent="0" justifyLastLine="0" shrinkToFit="0" readingOrder="0"/>
    </dxf>
    <dxf>
      <font>
        <b/>
        <i val="0"/>
        <strike val="0"/>
        <condense val="0"/>
        <extend val="0"/>
        <outline val="0"/>
        <shadow val="0"/>
        <u val="none"/>
        <vertAlign val="baseline"/>
        <sz val="12"/>
        <color theme="1"/>
        <name val="Aptos Narrow"/>
        <family val="2"/>
        <scheme val="minor"/>
      </font>
      <border diagonalUp="0" diagonalDown="0" outline="0">
        <left style="thin">
          <color indexed="64"/>
        </left>
        <right style="thin">
          <color indexed="64"/>
        </right>
        <top/>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B9D1EE67-127C-704E-A683-E933C9303A52}" name="reqTable" displayName="reqTable" ref="A11:N16" totalsRowShown="0" headerRowDxfId="16" dataDxfId="15" tableBorderDxfId="14">
  <autoFilter ref="A11:N16" xr:uid="{B9D1EE67-127C-704E-A683-E933C9303A52}"/>
  <tableColumns count="14">
    <tableColumn id="1" xr3:uid="{F9E2325D-4FB6-1F4F-8678-EB5FFED00657}" name="Job Number" dataDxfId="13"/>
    <tableColumn id="2" xr3:uid="{6A1130E7-9752-4A47-AA8E-7463ADD9F177}" name="Department Name" dataDxfId="12"/>
    <tableColumn id="3" xr3:uid="{0B183189-3258-EB4D-AE16-DA0EBB3725A1}" name="Term" dataDxfId="11"/>
    <tableColumn id="14" xr3:uid="{68EE54BE-7ACB-48B5-BEE4-3BF86F603465}" name="Year" dataDxfId="10"/>
    <tableColumn id="4" xr3:uid="{7A987F95-A387-1444-A9BC-B9C3721C19FB}" name="Course Code" dataDxfId="9"/>
    <tableColumn id="5" xr3:uid="{3F76FBCE-9CB4-9B4F-88CD-5263838554FE}" name="Course Number" dataDxfId="8"/>
    <tableColumn id="6" xr3:uid="{8538F349-D26D-B74C-A58D-B8949A47CD50}" name="Assignment" dataDxfId="7"/>
    <tableColumn id="7" xr3:uid="{DEFB01B9-4D93-A347-AB6C-8D904C453BC2}" name="Work Duties" dataDxfId="6"/>
    <tableColumn id="8" xr3:uid="{F82C6AA8-0540-134D-A4E9-CF34DE2BAB91}" name="Qualifications" dataDxfId="5"/>
    <tableColumn id="9" xr3:uid="{9A69496A-BA15-C64E-A5B6-118DAD017206}" name="Experience" dataDxfId="4"/>
    <tableColumn id="10" xr3:uid="{4B8F440F-487D-B644-AA44-BF51C378C539}" name="Work Schedule" dataDxfId="3"/>
    <tableColumn id="11" xr3:uid="{A5EFF638-17B9-274A-BC2D-CDDF762EFECC}" name="Work hours" dataDxfId="2"/>
    <tableColumn id="12" xr3:uid="{49616509-2283-6243-9872-7F162F0B065E}" name="Position Format" dataDxfId="1"/>
    <tableColumn id="13" xr3:uid="{A0F7E05C-EDCC-1041-874F-D1792BFD72F6}" name="Filled or Open" dataDxfId="0"/>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hyperlink" Target="https://forms.office.com/r/iNMNAAC0fA"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DEB822-FA5A-7E4D-97EA-5C3FF76B8D65}">
  <dimension ref="A1:O16"/>
  <sheetViews>
    <sheetView tabSelected="1" zoomScale="90" zoomScaleNormal="90" workbookViewId="0">
      <selection activeCell="E15" sqref="E15:L15"/>
    </sheetView>
  </sheetViews>
  <sheetFormatPr defaultColWidth="10.875" defaultRowHeight="15.75" x14ac:dyDescent="0.25"/>
  <cols>
    <col min="1" max="1" width="21.75" customWidth="1"/>
    <col min="2" max="2" width="18" bestFit="1" customWidth="1"/>
    <col min="3" max="3" width="16" customWidth="1"/>
    <col min="4" max="4" width="13.75" bestFit="1" customWidth="1"/>
    <col min="5" max="5" width="14" customWidth="1"/>
    <col min="6" max="6" width="15.125" bestFit="1" customWidth="1"/>
    <col min="7" max="7" width="13.625" bestFit="1" customWidth="1"/>
    <col min="8" max="8" width="39.375" customWidth="1"/>
    <col min="9" max="9" width="16.125" bestFit="1" customWidth="1"/>
    <col min="10" max="10" width="18.375" customWidth="1"/>
    <col min="11" max="11" width="26.875" bestFit="1" customWidth="1"/>
    <col min="13" max="13" width="20.125" bestFit="1" customWidth="1"/>
    <col min="14" max="14" width="14.125" bestFit="1" customWidth="1"/>
  </cols>
  <sheetData>
    <row r="1" spans="1:15" x14ac:dyDescent="0.25">
      <c r="B1" s="27"/>
      <c r="C1" s="27"/>
      <c r="D1" s="2"/>
      <c r="E1" s="2"/>
      <c r="F1" s="2"/>
      <c r="G1" s="2"/>
      <c r="H1" s="2"/>
      <c r="I1" s="2"/>
      <c r="J1" s="3"/>
      <c r="K1" s="2"/>
      <c r="L1" s="2"/>
      <c r="M1" s="4"/>
      <c r="N1" s="2"/>
    </row>
    <row r="2" spans="1:15" ht="18.75" x14ac:dyDescent="0.3">
      <c r="A2" s="1" t="s">
        <v>0</v>
      </c>
      <c r="B2" s="5"/>
      <c r="C2" s="2"/>
      <c r="D2" s="2"/>
      <c r="E2" s="2"/>
      <c r="F2" s="2"/>
      <c r="G2" s="2"/>
      <c r="H2" s="3"/>
      <c r="I2" s="2"/>
      <c r="J2" s="2"/>
      <c r="K2" s="4"/>
      <c r="L2" s="2"/>
    </row>
    <row r="3" spans="1:15" ht="18.75" x14ac:dyDescent="0.3">
      <c r="A3" t="s">
        <v>1</v>
      </c>
      <c r="B3" s="2"/>
      <c r="C3" s="2"/>
      <c r="D3" s="5"/>
      <c r="E3" s="2"/>
      <c r="F3" s="2"/>
      <c r="G3" s="2"/>
      <c r="H3" s="2"/>
      <c r="I3" s="2"/>
      <c r="J3" s="3"/>
      <c r="K3" s="2"/>
      <c r="L3" s="2"/>
      <c r="M3" s="4"/>
      <c r="N3" s="2"/>
    </row>
    <row r="4" spans="1:15" ht="18.75" x14ac:dyDescent="0.3">
      <c r="A4" t="s">
        <v>2</v>
      </c>
      <c r="B4" s="2"/>
      <c r="C4" s="6"/>
      <c r="D4" s="5"/>
      <c r="E4" s="2"/>
      <c r="F4" s="2"/>
      <c r="G4" s="2"/>
      <c r="H4" s="2"/>
      <c r="I4" s="2"/>
      <c r="J4" s="3"/>
      <c r="K4" s="2"/>
      <c r="L4" s="2"/>
      <c r="M4" s="4"/>
      <c r="N4" s="2"/>
    </row>
    <row r="5" spans="1:15" ht="18.75" x14ac:dyDescent="0.3">
      <c r="B5" s="2"/>
      <c r="C5" s="7"/>
      <c r="D5" s="5"/>
      <c r="E5" s="2"/>
      <c r="F5" s="2"/>
      <c r="G5" s="2"/>
      <c r="H5" s="2"/>
      <c r="I5" s="2"/>
      <c r="J5" s="3"/>
      <c r="K5" s="2"/>
      <c r="L5" s="2"/>
      <c r="M5" s="4"/>
      <c r="N5" s="2"/>
    </row>
    <row r="6" spans="1:15" ht="18.75" x14ac:dyDescent="0.3">
      <c r="B6" s="27"/>
      <c r="C6" s="27"/>
      <c r="D6" s="5"/>
      <c r="E6" s="2"/>
      <c r="F6" s="2"/>
      <c r="G6" s="2"/>
      <c r="H6" s="2"/>
      <c r="I6" s="2"/>
      <c r="J6" s="3"/>
      <c r="K6" s="2"/>
      <c r="L6" s="2"/>
      <c r="M6" s="4"/>
      <c r="N6" s="2"/>
    </row>
    <row r="7" spans="1:15" x14ac:dyDescent="0.25">
      <c r="A7" t="s">
        <v>3</v>
      </c>
      <c r="B7" s="14" t="s">
        <v>4</v>
      </c>
    </row>
    <row r="8" spans="1:15" ht="18.75" x14ac:dyDescent="0.3">
      <c r="B8" s="27"/>
      <c r="C8" s="27"/>
      <c r="D8" s="5"/>
      <c r="E8" s="2"/>
      <c r="F8" s="2"/>
      <c r="G8" s="2"/>
      <c r="H8" s="2"/>
      <c r="I8" s="2"/>
      <c r="J8" s="3"/>
      <c r="K8" s="2"/>
      <c r="L8" s="2"/>
      <c r="M8" s="4"/>
      <c r="N8" s="2"/>
    </row>
    <row r="9" spans="1:15" x14ac:dyDescent="0.25">
      <c r="A9" s="1"/>
      <c r="B9" s="2"/>
      <c r="C9" s="2"/>
      <c r="D9" s="2"/>
      <c r="E9" s="2"/>
      <c r="F9" s="2"/>
      <c r="G9" s="2"/>
      <c r="H9" s="3"/>
      <c r="I9" s="2"/>
      <c r="J9" s="2"/>
      <c r="K9" s="4"/>
      <c r="L9" s="2"/>
    </row>
    <row r="10" spans="1:15" x14ac:dyDescent="0.25">
      <c r="B10" s="28"/>
      <c r="C10" s="28"/>
      <c r="J10" s="8"/>
      <c r="M10" s="9"/>
    </row>
    <row r="11" spans="1:15" x14ac:dyDescent="0.25">
      <c r="A11" t="s">
        <v>5</v>
      </c>
      <c r="B11" s="10" t="s">
        <v>6</v>
      </c>
      <c r="C11" s="11" t="s">
        <v>7</v>
      </c>
      <c r="D11" s="11" t="s">
        <v>8</v>
      </c>
      <c r="E11" s="10" t="s">
        <v>9</v>
      </c>
      <c r="F11" s="10" t="s">
        <v>10</v>
      </c>
      <c r="G11" s="10" t="s">
        <v>11</v>
      </c>
      <c r="H11" s="10" t="s">
        <v>12</v>
      </c>
      <c r="I11" s="10" t="s">
        <v>13</v>
      </c>
      <c r="J11" s="10" t="s">
        <v>14</v>
      </c>
      <c r="K11" s="12" t="s">
        <v>15</v>
      </c>
      <c r="L11" s="10" t="s">
        <v>16</v>
      </c>
      <c r="M11" s="10" t="s">
        <v>17</v>
      </c>
      <c r="N11" s="13" t="s">
        <v>18</v>
      </c>
      <c r="O11" s="10"/>
    </row>
    <row r="12" spans="1:15" ht="63" x14ac:dyDescent="0.25">
      <c r="A12" s="10" t="s">
        <v>29</v>
      </c>
      <c r="B12" s="16" t="s">
        <v>19</v>
      </c>
      <c r="C12" s="16" t="s">
        <v>22</v>
      </c>
      <c r="D12" s="10">
        <v>2026</v>
      </c>
      <c r="E12" s="15" t="s">
        <v>20</v>
      </c>
      <c r="F12" s="15" t="s">
        <v>23</v>
      </c>
      <c r="G12" s="16" t="s">
        <v>24</v>
      </c>
      <c r="H12" s="16" t="s">
        <v>25</v>
      </c>
      <c r="I12" s="16" t="s">
        <v>26</v>
      </c>
      <c r="J12" s="16" t="s">
        <v>27</v>
      </c>
      <c r="K12" s="15" t="s">
        <v>21</v>
      </c>
      <c r="L12" s="16"/>
      <c r="M12" s="16" t="s">
        <v>28</v>
      </c>
      <c r="N12" s="17" t="s">
        <v>38</v>
      </c>
    </row>
    <row r="13" spans="1:15" ht="147" customHeight="1" x14ac:dyDescent="0.25">
      <c r="A13" s="10" t="s">
        <v>30</v>
      </c>
      <c r="B13" s="16" t="s">
        <v>19</v>
      </c>
      <c r="C13" s="16" t="s">
        <v>31</v>
      </c>
      <c r="D13" s="10">
        <v>2026</v>
      </c>
      <c r="E13" s="15" t="s">
        <v>20</v>
      </c>
      <c r="F13" s="15" t="s">
        <v>32</v>
      </c>
      <c r="G13" s="16" t="s">
        <v>33</v>
      </c>
      <c r="H13" s="16" t="s">
        <v>34</v>
      </c>
      <c r="I13" s="16" t="s">
        <v>35</v>
      </c>
      <c r="J13" s="16" t="s">
        <v>36</v>
      </c>
      <c r="K13" s="15" t="s">
        <v>21</v>
      </c>
      <c r="L13" s="16"/>
      <c r="M13" s="16" t="s">
        <v>28</v>
      </c>
      <c r="N13" s="17" t="s">
        <v>38</v>
      </c>
    </row>
    <row r="14" spans="1:15" ht="304.5" customHeight="1" x14ac:dyDescent="0.25">
      <c r="A14" s="18" t="s">
        <v>39</v>
      </c>
      <c r="B14" s="19" t="s">
        <v>40</v>
      </c>
      <c r="C14" s="19" t="s">
        <v>41</v>
      </c>
      <c r="D14" s="18">
        <v>2026</v>
      </c>
      <c r="E14" s="20" t="s">
        <v>42</v>
      </c>
      <c r="F14" s="20" t="s">
        <v>43</v>
      </c>
      <c r="G14" s="19" t="s">
        <v>24</v>
      </c>
      <c r="H14" s="19" t="s">
        <v>44</v>
      </c>
      <c r="I14" s="19" t="s">
        <v>45</v>
      </c>
      <c r="J14" s="19" t="s">
        <v>46</v>
      </c>
      <c r="K14" s="20" t="s">
        <v>21</v>
      </c>
      <c r="L14" s="19" t="s">
        <v>47</v>
      </c>
      <c r="M14" s="19" t="s">
        <v>48</v>
      </c>
      <c r="N14" s="21" t="s">
        <v>38</v>
      </c>
    </row>
    <row r="15" spans="1:15" ht="309" customHeight="1" x14ac:dyDescent="0.25">
      <c r="A15" s="10" t="s">
        <v>49</v>
      </c>
      <c r="B15" s="16" t="s">
        <v>40</v>
      </c>
      <c r="C15" s="16" t="s">
        <v>41</v>
      </c>
      <c r="D15" s="10">
        <v>2026</v>
      </c>
      <c r="E15" s="15" t="s">
        <v>42</v>
      </c>
      <c r="F15" s="15" t="s">
        <v>43</v>
      </c>
      <c r="G15" s="16" t="s">
        <v>24</v>
      </c>
      <c r="H15" s="16" t="s">
        <v>44</v>
      </c>
      <c r="I15" s="16" t="s">
        <v>45</v>
      </c>
      <c r="J15" s="16" t="s">
        <v>46</v>
      </c>
      <c r="K15" s="15" t="s">
        <v>21</v>
      </c>
      <c r="L15" s="16" t="s">
        <v>47</v>
      </c>
      <c r="M15" s="16" t="s">
        <v>48</v>
      </c>
      <c r="N15" s="17" t="s">
        <v>38</v>
      </c>
    </row>
    <row r="16" spans="1:15" ht="63" x14ac:dyDescent="0.25">
      <c r="A16" s="25" t="s">
        <v>57</v>
      </c>
      <c r="B16" s="22" t="s">
        <v>50</v>
      </c>
      <c r="C16" s="22" t="s">
        <v>31</v>
      </c>
      <c r="D16" s="23">
        <v>2026</v>
      </c>
      <c r="E16" s="24" t="s">
        <v>51</v>
      </c>
      <c r="F16" s="24" t="s">
        <v>52</v>
      </c>
      <c r="G16" s="22" t="s">
        <v>53</v>
      </c>
      <c r="H16" s="22" t="s">
        <v>54</v>
      </c>
      <c r="I16" s="22" t="s">
        <v>55</v>
      </c>
      <c r="J16" s="22" t="s">
        <v>56</v>
      </c>
      <c r="K16" s="24" t="s">
        <v>21</v>
      </c>
      <c r="L16" s="22"/>
      <c r="M16" s="22" t="s">
        <v>28</v>
      </c>
      <c r="N16" s="26" t="s">
        <v>37</v>
      </c>
    </row>
  </sheetData>
  <mergeCells count="4">
    <mergeCell ref="B1:C1"/>
    <mergeCell ref="B6:C6"/>
    <mergeCell ref="B8:C8"/>
    <mergeCell ref="B10:C10"/>
  </mergeCells>
  <hyperlinks>
    <hyperlink ref="B7" r:id="rId1" xr:uid="{7BEBAF0E-7854-43F3-BEE8-046EA6BD4939}"/>
  </hyperlinks>
  <pageMargins left="0.7" right="0.7" top="0.75" bottom="0.75" header="0.3" footer="0.3"/>
  <tableParts count="1">
    <tablePart r:id="rId2"/>
  </tablePart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A3FE5A775F2B543A6EE6935EE20ED59" ma:contentTypeVersion="3" ma:contentTypeDescription="Create a new document." ma:contentTypeScope="" ma:versionID="5f59b5550ad409cdb36b1e906734f490">
  <xsd:schema xmlns:xsd="http://www.w3.org/2001/XMLSchema" xmlns:xs="http://www.w3.org/2001/XMLSchema" xmlns:p="http://schemas.microsoft.com/office/2006/metadata/properties" xmlns:ns2="da85246f-3ff2-484c-8255-1b1a07a637b5" targetNamespace="http://schemas.microsoft.com/office/2006/metadata/properties" ma:root="true" ma:fieldsID="a6e77f7c40d0753157fd44f98284ac31" ns2:_="">
    <xsd:import namespace="da85246f-3ff2-484c-8255-1b1a07a637b5"/>
    <xsd:element name="properties">
      <xsd:complexType>
        <xsd:sequence>
          <xsd:element name="documentManagement">
            <xsd:complexType>
              <xsd:all>
                <xsd:element ref="ns2:MediaServiceMetadata" minOccurs="0"/>
                <xsd:element ref="ns2:MediaServiceFastMetadata"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a85246f-3ff2-484c-8255-1b1a07a637b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90336FB-4A9F-48C8-9885-A6E8C073E5B7}">
  <ds:schemaRefs>
    <ds:schemaRef ds:uri="http://purl.org/dc/dcmitype/"/>
    <ds:schemaRef ds:uri="http://schemas.microsoft.com/office/2006/documentManagement/types"/>
    <ds:schemaRef ds:uri="http://www.w3.org/XML/1998/namespace"/>
    <ds:schemaRef ds:uri="http://schemas.microsoft.com/office/infopath/2007/PartnerControls"/>
    <ds:schemaRef ds:uri="da85246f-3ff2-484c-8255-1b1a07a637b5"/>
    <ds:schemaRef ds:uri="http://purl.org/dc/terms/"/>
    <ds:schemaRef ds:uri="http://schemas.openxmlformats.org/package/2006/metadata/core-properties"/>
    <ds:schemaRef ds:uri="http://schemas.microsoft.com/office/2006/metadata/properties"/>
    <ds:schemaRef ds:uri="http://purl.org/dc/elements/1.1/"/>
  </ds:schemaRefs>
</ds:datastoreItem>
</file>

<file path=customXml/itemProps2.xml><?xml version="1.0" encoding="utf-8"?>
<ds:datastoreItem xmlns:ds="http://schemas.openxmlformats.org/officeDocument/2006/customXml" ds:itemID="{17D87805-C757-44AA-8FF6-E55865A3586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a85246f-3ff2-484c-8255-1b1a07a637b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578614-D2F2-4485-8DAA-9A8C2D60DD6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1</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pril Scheller</dc:creator>
  <cp:keywords/>
  <dc:description/>
  <cp:lastModifiedBy>Charlotte Gilson</cp:lastModifiedBy>
  <cp:revision/>
  <dcterms:created xsi:type="dcterms:W3CDTF">2025-12-08T00:13:53Z</dcterms:created>
  <dcterms:modified xsi:type="dcterms:W3CDTF">2026-05-06T12:44:37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A3FE5A775F2B543A6EE6935EE20ED59</vt:lpwstr>
  </property>
</Properties>
</file>